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1\1902\HP1902\"/>
    </mc:Choice>
  </mc:AlternateContent>
  <bookViews>
    <workbookView xWindow="0" yWindow="0" windowWidth="23040" windowHeight="9390"/>
  </bookViews>
  <sheets>
    <sheet name="jinko" sheetId="1" r:id="rId1"/>
  </sheets>
  <definedNames>
    <definedName name="_xlnm.Print_Area" localSheetId="0">jinko!$A$1:$AF$3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6" uniqueCount="32">
  <si>
    <t>富山市の人口</t>
  </si>
  <si>
    <t>住民基本台帳人口</t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自　　然　　動　　態</t>
    <rPh sb="6" eb="7">
      <t>ドウ</t>
    </rPh>
    <rPh sb="9" eb="10">
      <t>タイ</t>
    </rPh>
    <phoneticPr fontId="7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7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7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7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7"/>
  </si>
  <si>
    <t>平成　　31　 年</t>
    <phoneticPr fontId="7"/>
  </si>
  <si>
    <t>（平成31年　　月別動態別人口）</t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76">
    <xf numFmtId="0" fontId="0" fillId="0" borderId="0" xfId="0">
      <alignment vertical="center"/>
    </xf>
    <xf numFmtId="0" fontId="2" fillId="0" borderId="0" xfId="1" applyFont="1" applyAlignment="1">
      <alignment vertical="center"/>
    </xf>
    <xf numFmtId="0" fontId="2" fillId="0" borderId="32" xfId="1" applyFont="1" applyBorder="1" applyAlignment="1">
      <alignment horizontal="center" vertical="center"/>
    </xf>
    <xf numFmtId="179" fontId="2" fillId="2" borderId="33" xfId="1" applyNumberFormat="1" applyFont="1" applyFill="1" applyBorder="1" applyAlignment="1" applyProtection="1">
      <alignment horizontal="right" vertical="center"/>
      <protection locked="0"/>
    </xf>
    <xf numFmtId="179" fontId="2" fillId="0" borderId="33" xfId="1" applyNumberFormat="1" applyFont="1" applyBorder="1" applyAlignment="1">
      <alignment horizontal="right" vertical="center"/>
    </xf>
    <xf numFmtId="180" fontId="2" fillId="0" borderId="33" xfId="1" applyNumberFormat="1" applyFont="1" applyBorder="1" applyAlignment="1">
      <alignment horizontal="right" vertical="center"/>
    </xf>
    <xf numFmtId="180" fontId="2" fillId="0" borderId="34" xfId="1" applyNumberFormat="1" applyFont="1" applyBorder="1" applyAlignment="1">
      <alignment horizontal="right" vertic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0" fontId="2" fillId="0" borderId="0" xfId="0" applyFont="1" applyAlignment="1">
      <alignment horizontal="distributed" vertical="center"/>
    </xf>
    <xf numFmtId="0" fontId="4" fillId="0" borderId="1" xfId="0" applyFont="1" applyBorder="1" applyAlignment="1">
      <alignment horizontal="distributed" vertical="center"/>
    </xf>
    <xf numFmtId="0" fontId="4" fillId="0" borderId="2" xfId="0" applyFont="1" applyBorder="1" applyAlignment="1">
      <alignment horizontal="distributed" vertical="center"/>
    </xf>
    <xf numFmtId="0" fontId="4" fillId="0" borderId="3" xfId="0" applyFont="1" applyBorder="1" applyAlignment="1">
      <alignment horizontal="distributed" vertical="center"/>
    </xf>
    <xf numFmtId="0" fontId="5" fillId="0" borderId="0" xfId="0" applyFont="1" applyAlignment="1">
      <alignment horizontal="distributed" vertical="center"/>
    </xf>
    <xf numFmtId="0" fontId="6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6" fillId="0" borderId="0" xfId="0" applyFont="1" applyFill="1" applyAlignment="1" applyProtection="1">
      <alignment vertical="center"/>
      <protection locked="0"/>
    </xf>
    <xf numFmtId="0" fontId="6" fillId="0" borderId="0" xfId="0" applyFont="1" applyAlignment="1">
      <alignment vertical="center"/>
    </xf>
    <xf numFmtId="0" fontId="6" fillId="0" borderId="0" xfId="0" applyFont="1" applyAlignment="1">
      <alignment horizontal="distributed" vertical="center"/>
    </xf>
    <xf numFmtId="176" fontId="6" fillId="0" borderId="0" xfId="0" applyNumberFormat="1" applyFont="1" applyAlignment="1">
      <alignment horizontal="right" vertical="center"/>
    </xf>
    <xf numFmtId="177" fontId="6" fillId="0" borderId="0" xfId="0" applyNumberFormat="1" applyFont="1" applyAlignment="1">
      <alignment vertical="center"/>
    </xf>
    <xf numFmtId="0" fontId="6" fillId="0" borderId="0" xfId="0" applyFont="1" applyAlignment="1">
      <alignment horizontal="center" vertical="center"/>
    </xf>
    <xf numFmtId="0" fontId="6" fillId="0" borderId="0" xfId="0" applyFont="1" applyAlignment="1">
      <alignment horizontal="right" vertical="center"/>
    </xf>
    <xf numFmtId="178" fontId="6" fillId="2" borderId="0" xfId="0" applyNumberFormat="1" applyFont="1" applyFill="1" applyAlignment="1" applyProtection="1">
      <alignment horizontal="right" vertical="center"/>
      <protection locked="0"/>
    </xf>
    <xf numFmtId="0" fontId="8" fillId="0" borderId="0" xfId="0" applyFont="1" applyAlignment="1">
      <alignment horizontal="distributed" vertical="center"/>
    </xf>
    <xf numFmtId="0" fontId="9" fillId="0" borderId="0" xfId="0" applyFont="1" applyAlignment="1">
      <alignment horizontal="distributed"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8" xfId="0" applyFont="1" applyBorder="1" applyAlignment="1">
      <alignment vertical="center"/>
    </xf>
    <xf numFmtId="0" fontId="2" fillId="0" borderId="9" xfId="0" applyFont="1" applyBorder="1" applyAlignment="1">
      <alignment vertical="center"/>
    </xf>
    <xf numFmtId="0" fontId="2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2" fillId="0" borderId="26" xfId="0" applyFont="1" applyBorder="1" applyAlignment="1">
      <alignment horizontal="center" vertical="center"/>
    </xf>
    <xf numFmtId="0" fontId="2" fillId="0" borderId="27" xfId="0" applyFont="1" applyBorder="1" applyAlignment="1">
      <alignment horizontal="center" vertical="center"/>
    </xf>
    <xf numFmtId="0" fontId="2" fillId="0" borderId="28" xfId="0" applyFont="1" applyBorder="1" applyAlignment="1">
      <alignment horizontal="center" vertical="center"/>
    </xf>
    <xf numFmtId="0" fontId="2" fillId="0" borderId="29" xfId="0" applyFont="1" applyBorder="1" applyAlignment="1">
      <alignment horizontal="center" vertical="center"/>
    </xf>
    <xf numFmtId="0" fontId="2" fillId="0" borderId="30" xfId="0" applyFont="1" applyBorder="1" applyAlignment="1">
      <alignment horizontal="center" vertical="center"/>
    </xf>
    <xf numFmtId="179" fontId="2" fillId="2" borderId="31" xfId="0" applyNumberFormat="1" applyFont="1" applyFill="1" applyBorder="1" applyAlignment="1" applyProtection="1">
      <alignment horizontal="right" vertical="center"/>
      <protection locked="0"/>
    </xf>
    <xf numFmtId="179" fontId="2" fillId="0" borderId="31" xfId="0" applyNumberFormat="1" applyFont="1" applyBorder="1" applyAlignment="1">
      <alignment horizontal="right" vertical="center"/>
    </xf>
    <xf numFmtId="180" fontId="2" fillId="0" borderId="31" xfId="0" applyNumberFormat="1" applyFont="1" applyBorder="1" applyAlignment="1">
      <alignment horizontal="right" vertical="center"/>
    </xf>
    <xf numFmtId="180" fontId="2" fillId="0" borderId="38" xfId="0" applyNumberFormat="1" applyFont="1" applyBorder="1" applyAlignment="1">
      <alignment horizontal="right" vertical="center"/>
    </xf>
    <xf numFmtId="0" fontId="2" fillId="0" borderId="32" xfId="0" applyFont="1" applyBorder="1" applyAlignment="1">
      <alignment horizontal="center" vertical="center"/>
    </xf>
    <xf numFmtId="179" fontId="2" fillId="2" borderId="33" xfId="0" applyNumberFormat="1" applyFont="1" applyFill="1" applyBorder="1" applyAlignment="1" applyProtection="1">
      <alignment horizontal="right" vertical="center"/>
      <protection locked="0"/>
    </xf>
    <xf numFmtId="179" fontId="2" fillId="0" borderId="33" xfId="0" applyNumberFormat="1" applyFont="1" applyBorder="1" applyAlignment="1">
      <alignment horizontal="right" vertical="center"/>
    </xf>
    <xf numFmtId="180" fontId="2" fillId="0" borderId="33" xfId="0" applyNumberFormat="1" applyFont="1" applyBorder="1" applyAlignment="1">
      <alignment horizontal="right" vertical="center"/>
    </xf>
    <xf numFmtId="180" fontId="2" fillId="0" borderId="34" xfId="0" applyNumberFormat="1" applyFont="1" applyBorder="1" applyAlignment="1">
      <alignment horizontal="right" vertical="center"/>
    </xf>
    <xf numFmtId="0" fontId="2" fillId="0" borderId="35" xfId="0" applyFont="1" applyBorder="1" applyAlignment="1">
      <alignment horizontal="center" vertical="center"/>
    </xf>
    <xf numFmtId="179" fontId="2" fillId="2" borderId="36" xfId="0" applyNumberFormat="1" applyFont="1" applyFill="1" applyBorder="1" applyAlignment="1" applyProtection="1">
      <alignment horizontal="right" vertical="center"/>
      <protection locked="0"/>
    </xf>
    <xf numFmtId="179" fontId="2" fillId="0" borderId="36" xfId="0" applyNumberFormat="1" applyFont="1" applyBorder="1" applyAlignment="1">
      <alignment horizontal="right" vertical="center"/>
    </xf>
    <xf numFmtId="180" fontId="2" fillId="0" borderId="36" xfId="0" applyNumberFormat="1" applyFont="1" applyBorder="1" applyAlignment="1">
      <alignment horizontal="right" vertical="center"/>
    </xf>
    <xf numFmtId="180" fontId="2" fillId="0" borderId="37" xfId="0" applyNumberFormat="1" applyFont="1" applyBorder="1" applyAlignment="1">
      <alignment horizontal="right" vertical="center"/>
    </xf>
    <xf numFmtId="179" fontId="2" fillId="0" borderId="28" xfId="0" applyNumberFormat="1" applyFont="1" applyBorder="1" applyAlignment="1">
      <alignment horizontal="right" vertical="center"/>
    </xf>
    <xf numFmtId="179" fontId="2" fillId="0" borderId="28" xfId="0" applyNumberFormat="1" applyFont="1" applyBorder="1" applyAlignment="1">
      <alignment horizontal="center" vertical="center"/>
    </xf>
    <xf numFmtId="179" fontId="2" fillId="0" borderId="29" xfId="0" applyNumberFormat="1" applyFont="1" applyBorder="1" applyAlignment="1">
      <alignment horizontal="center" vertical="center"/>
    </xf>
    <xf numFmtId="180" fontId="2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  <xf numFmtId="180" fontId="2" fillId="0" borderId="0" xfId="0" applyNumberFormat="1" applyFont="1" applyAlignment="1" applyProtection="1">
      <alignment horizontal="righ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33"/>
  <sheetViews>
    <sheetView tabSelected="1" zoomScale="85" zoomScaleNormal="85" workbookViewId="0">
      <selection activeCell="M1" sqref="M1:W1"/>
    </sheetView>
  </sheetViews>
  <sheetFormatPr defaultRowHeight="13.5" x14ac:dyDescent="0.15"/>
  <cols>
    <col min="1" max="1" width="3.625" style="7" customWidth="1"/>
    <col min="2" max="7" width="5.625" style="8" customWidth="1"/>
    <col min="8" max="8" width="6.25" style="8" customWidth="1"/>
    <col min="9" max="16" width="5.625" style="8" customWidth="1"/>
    <col min="17" max="17" width="6.625" style="8" customWidth="1"/>
    <col min="18" max="25" width="5.625" style="8" customWidth="1"/>
    <col min="26" max="28" width="6.625" style="8" customWidth="1"/>
    <col min="29" max="32" width="8.625" style="8" customWidth="1"/>
    <col min="33" max="16384" width="9" style="8"/>
  </cols>
  <sheetData>
    <row r="1" spans="1:32" ht="41.25" customHeight="1" x14ac:dyDescent="0.15">
      <c r="L1" s="9"/>
      <c r="M1" s="10" t="s">
        <v>0</v>
      </c>
      <c r="N1" s="11"/>
      <c r="O1" s="11"/>
      <c r="P1" s="11"/>
      <c r="Q1" s="11"/>
      <c r="R1" s="11"/>
      <c r="S1" s="11"/>
      <c r="T1" s="11"/>
      <c r="U1" s="11"/>
      <c r="V1" s="11"/>
      <c r="W1" s="12"/>
    </row>
    <row r="2" spans="1:32" ht="24.75" customHeight="1" x14ac:dyDescent="0.15">
      <c r="L2" s="9"/>
      <c r="M2" s="13"/>
      <c r="N2" s="9"/>
      <c r="O2" s="9"/>
      <c r="P2" s="9"/>
      <c r="Q2" s="9"/>
      <c r="R2" s="9"/>
      <c r="S2" s="9"/>
      <c r="T2" s="9"/>
      <c r="U2" s="9"/>
      <c r="V2" s="9"/>
      <c r="W2" s="9"/>
    </row>
    <row r="3" spans="1:32" ht="24.95" customHeight="1" x14ac:dyDescent="0.15">
      <c r="K3" s="14" t="s">
        <v>1</v>
      </c>
      <c r="L3" s="15"/>
      <c r="M3" s="15"/>
      <c r="N3" s="15"/>
      <c r="O3" s="15"/>
      <c r="P3" s="14" t="s">
        <v>30</v>
      </c>
      <c r="Q3" s="15"/>
      <c r="R3" s="15"/>
      <c r="S3" s="15"/>
      <c r="T3" s="15"/>
      <c r="U3" s="16">
        <v>2</v>
      </c>
      <c r="V3" s="17" t="s">
        <v>2</v>
      </c>
      <c r="W3" s="17"/>
    </row>
    <row r="4" spans="1:32" ht="24.95" customHeight="1" x14ac:dyDescent="0.15">
      <c r="L4" s="17"/>
      <c r="M4" s="17"/>
      <c r="N4" s="17"/>
      <c r="O4" s="17"/>
      <c r="P4" s="17"/>
      <c r="Q4" s="17"/>
      <c r="R4" s="17"/>
      <c r="S4" s="17"/>
      <c r="T4" s="17"/>
      <c r="U4" s="17"/>
      <c r="V4" s="17"/>
      <c r="W4" s="17"/>
    </row>
    <row r="5" spans="1:32" ht="24.95" customHeight="1" x14ac:dyDescent="0.15">
      <c r="L5" s="17"/>
      <c r="M5" s="18" t="s">
        <v>3</v>
      </c>
      <c r="N5" s="18"/>
      <c r="O5" s="18"/>
      <c r="P5" s="17"/>
      <c r="Q5" s="17"/>
      <c r="R5" s="19">
        <v>178422</v>
      </c>
      <c r="S5" s="19"/>
      <c r="T5" s="19"/>
      <c r="U5" s="20"/>
      <c r="V5" s="21" t="s">
        <v>3</v>
      </c>
      <c r="W5" s="17"/>
    </row>
    <row r="6" spans="1:32" ht="24.95" customHeight="1" x14ac:dyDescent="0.15">
      <c r="L6" s="17"/>
      <c r="M6" s="18" t="s">
        <v>4</v>
      </c>
      <c r="N6" s="18"/>
      <c r="O6" s="18"/>
      <c r="P6" s="17"/>
      <c r="Q6" s="17"/>
      <c r="R6" s="19">
        <v>416697</v>
      </c>
      <c r="S6" s="19"/>
      <c r="T6" s="19"/>
      <c r="U6" s="22"/>
      <c r="V6" s="21" t="s">
        <v>5</v>
      </c>
      <c r="W6" s="17"/>
    </row>
    <row r="7" spans="1:32" ht="24.95" customHeight="1" x14ac:dyDescent="0.15">
      <c r="L7" s="17"/>
      <c r="M7" s="17"/>
      <c r="N7" s="21" t="s">
        <v>6</v>
      </c>
      <c r="O7" s="17"/>
      <c r="P7" s="17"/>
      <c r="Q7" s="17"/>
      <c r="R7" s="19">
        <v>203009</v>
      </c>
      <c r="S7" s="19"/>
      <c r="T7" s="19"/>
      <c r="U7" s="22"/>
      <c r="V7" s="21" t="s">
        <v>5</v>
      </c>
      <c r="W7" s="17"/>
    </row>
    <row r="8" spans="1:32" ht="24.95" customHeight="1" x14ac:dyDescent="0.15">
      <c r="L8" s="17"/>
      <c r="M8" s="17"/>
      <c r="N8" s="21" t="s">
        <v>7</v>
      </c>
      <c r="O8" s="17"/>
      <c r="P8" s="17"/>
      <c r="Q8" s="17"/>
      <c r="R8" s="19">
        <v>213688</v>
      </c>
      <c r="S8" s="19"/>
      <c r="T8" s="19"/>
      <c r="U8" s="22"/>
      <c r="V8" s="21" t="s">
        <v>5</v>
      </c>
      <c r="W8" s="17"/>
    </row>
    <row r="9" spans="1:32" ht="14.25" customHeight="1" x14ac:dyDescent="0.15">
      <c r="L9" s="17"/>
      <c r="M9" s="17"/>
      <c r="N9" s="17"/>
      <c r="O9" s="17"/>
      <c r="P9" s="17"/>
      <c r="Q9" s="17"/>
      <c r="R9" s="17"/>
      <c r="S9" s="17"/>
      <c r="T9" s="17"/>
      <c r="U9" s="17"/>
      <c r="V9" s="21"/>
      <c r="W9" s="17"/>
    </row>
    <row r="10" spans="1:32" ht="24.95" customHeight="1" x14ac:dyDescent="0.15">
      <c r="L10" s="17"/>
      <c r="M10" s="18" t="s">
        <v>8</v>
      </c>
      <c r="N10" s="18"/>
      <c r="O10" s="18"/>
      <c r="P10" s="17"/>
      <c r="Q10" s="17"/>
      <c r="R10" s="23">
        <v>1241.77</v>
      </c>
      <c r="S10" s="23"/>
      <c r="T10" s="23"/>
      <c r="U10" s="17"/>
      <c r="V10" s="21" t="s">
        <v>9</v>
      </c>
      <c r="W10" s="17"/>
    </row>
    <row r="11" spans="1:32" ht="24.95" customHeight="1" x14ac:dyDescent="0.15">
      <c r="L11" s="17"/>
      <c r="M11" s="17"/>
      <c r="N11" s="17"/>
      <c r="O11" s="17"/>
      <c r="P11" s="17"/>
      <c r="Q11" s="17"/>
      <c r="R11" s="17"/>
      <c r="S11" s="17"/>
      <c r="T11" s="17"/>
      <c r="U11" s="17"/>
      <c r="V11" s="17"/>
      <c r="W11" s="17"/>
    </row>
    <row r="12" spans="1:32" ht="24.95" customHeight="1" x14ac:dyDescent="0.15">
      <c r="K12" s="24" t="s">
        <v>31</v>
      </c>
      <c r="L12" s="25"/>
      <c r="M12" s="25"/>
      <c r="N12" s="25"/>
      <c r="O12" s="25"/>
      <c r="P12" s="25"/>
      <c r="Q12" s="25"/>
      <c r="R12" s="25"/>
      <c r="S12" s="25"/>
      <c r="T12" s="25"/>
      <c r="U12" s="25"/>
      <c r="V12" s="25"/>
      <c r="W12" s="25"/>
      <c r="X12" s="25"/>
    </row>
    <row r="13" spans="1:32" ht="24.95" customHeight="1" x14ac:dyDescent="0.15"/>
    <row r="14" spans="1:32" ht="20.100000000000001" customHeight="1" x14ac:dyDescent="0.15">
      <c r="A14" s="26"/>
      <c r="B14" s="27" t="s">
        <v>10</v>
      </c>
      <c r="C14" s="28"/>
      <c r="D14" s="28"/>
      <c r="E14" s="28"/>
      <c r="F14" s="28"/>
      <c r="G14" s="28"/>
      <c r="H14" s="29"/>
      <c r="I14" s="27" t="s">
        <v>11</v>
      </c>
      <c r="J14" s="28"/>
      <c r="K14" s="28"/>
      <c r="L14" s="28"/>
      <c r="M14" s="28"/>
      <c r="N14" s="28"/>
      <c r="O14" s="28"/>
      <c r="P14" s="28"/>
      <c r="Q14" s="28"/>
      <c r="R14" s="28"/>
      <c r="S14" s="28"/>
      <c r="T14" s="28"/>
      <c r="U14" s="28"/>
      <c r="V14" s="28"/>
      <c r="W14" s="28"/>
      <c r="X14" s="28"/>
      <c r="Y14" s="28"/>
      <c r="Z14" s="28"/>
      <c r="AA14" s="29"/>
      <c r="AB14" s="30"/>
      <c r="AC14" s="31"/>
      <c r="AD14" s="31"/>
      <c r="AE14" s="31"/>
      <c r="AF14" s="32"/>
    </row>
    <row r="15" spans="1:32" ht="20.100000000000001" customHeight="1" x14ac:dyDescent="0.15">
      <c r="A15" s="33"/>
      <c r="B15" s="34" t="s">
        <v>12</v>
      </c>
      <c r="C15" s="35"/>
      <c r="D15" s="36"/>
      <c r="E15" s="34" t="s">
        <v>13</v>
      </c>
      <c r="F15" s="35"/>
      <c r="G15" s="36"/>
      <c r="H15" s="37" t="s">
        <v>14</v>
      </c>
      <c r="I15" s="38" t="s">
        <v>15</v>
      </c>
      <c r="J15" s="39"/>
      <c r="K15" s="39"/>
      <c r="L15" s="39"/>
      <c r="M15" s="39"/>
      <c r="N15" s="39"/>
      <c r="O15" s="39"/>
      <c r="P15" s="39"/>
      <c r="Q15" s="40"/>
      <c r="R15" s="38" t="s">
        <v>16</v>
      </c>
      <c r="S15" s="39"/>
      <c r="T15" s="39"/>
      <c r="U15" s="39"/>
      <c r="V15" s="39"/>
      <c r="W15" s="39"/>
      <c r="X15" s="39"/>
      <c r="Y15" s="39"/>
      <c r="Z15" s="40"/>
      <c r="AA15" s="37" t="s">
        <v>14</v>
      </c>
      <c r="AB15" s="41" t="s">
        <v>14</v>
      </c>
      <c r="AC15" s="42" t="s">
        <v>17</v>
      </c>
      <c r="AD15" s="43"/>
      <c r="AE15" s="43"/>
      <c r="AF15" s="44"/>
    </row>
    <row r="16" spans="1:32" ht="20.100000000000001" customHeight="1" x14ac:dyDescent="0.15">
      <c r="A16" s="33"/>
      <c r="B16" s="45"/>
      <c r="C16" s="46"/>
      <c r="D16" s="47"/>
      <c r="E16" s="45"/>
      <c r="F16" s="46"/>
      <c r="G16" s="47"/>
      <c r="H16" s="48"/>
      <c r="I16" s="38" t="s">
        <v>18</v>
      </c>
      <c r="J16" s="39"/>
      <c r="K16" s="39"/>
      <c r="L16" s="40"/>
      <c r="M16" s="38" t="s">
        <v>19</v>
      </c>
      <c r="N16" s="39"/>
      <c r="O16" s="39"/>
      <c r="P16" s="40"/>
      <c r="Q16" s="49" t="s">
        <v>20</v>
      </c>
      <c r="R16" s="38" t="s">
        <v>18</v>
      </c>
      <c r="S16" s="39"/>
      <c r="T16" s="39"/>
      <c r="U16" s="40"/>
      <c r="V16" s="38" t="s">
        <v>19</v>
      </c>
      <c r="W16" s="39"/>
      <c r="X16" s="39"/>
      <c r="Y16" s="40"/>
      <c r="Z16" s="49" t="s">
        <v>20</v>
      </c>
      <c r="AA16" s="41"/>
      <c r="AB16" s="41"/>
      <c r="AC16" s="45"/>
      <c r="AD16" s="46"/>
      <c r="AE16" s="46"/>
      <c r="AF16" s="50"/>
    </row>
    <row r="17" spans="1:32" ht="20.100000000000001" customHeight="1" x14ac:dyDescent="0.15">
      <c r="A17" s="51" t="s">
        <v>21</v>
      </c>
      <c r="B17" s="52" t="s">
        <v>6</v>
      </c>
      <c r="C17" s="53" t="s">
        <v>7</v>
      </c>
      <c r="D17" s="53" t="s">
        <v>22</v>
      </c>
      <c r="E17" s="53" t="s">
        <v>6</v>
      </c>
      <c r="F17" s="53" t="s">
        <v>7</v>
      </c>
      <c r="G17" s="53" t="s">
        <v>22</v>
      </c>
      <c r="H17" s="52" t="s">
        <v>23</v>
      </c>
      <c r="I17" s="53" t="s">
        <v>3</v>
      </c>
      <c r="J17" s="53" t="s">
        <v>24</v>
      </c>
      <c r="K17" s="53" t="s">
        <v>7</v>
      </c>
      <c r="L17" s="53" t="s">
        <v>22</v>
      </c>
      <c r="M17" s="53" t="s">
        <v>3</v>
      </c>
      <c r="N17" s="53" t="s">
        <v>6</v>
      </c>
      <c r="O17" s="53" t="s">
        <v>7</v>
      </c>
      <c r="P17" s="53" t="s">
        <v>22</v>
      </c>
      <c r="Q17" s="52" t="s">
        <v>22</v>
      </c>
      <c r="R17" s="53" t="s">
        <v>3</v>
      </c>
      <c r="S17" s="53" t="s">
        <v>6</v>
      </c>
      <c r="T17" s="53" t="s">
        <v>7</v>
      </c>
      <c r="U17" s="53" t="s">
        <v>22</v>
      </c>
      <c r="V17" s="53" t="s">
        <v>3</v>
      </c>
      <c r="W17" s="53" t="s">
        <v>6</v>
      </c>
      <c r="X17" s="53" t="s">
        <v>7</v>
      </c>
      <c r="Y17" s="53" t="s">
        <v>22</v>
      </c>
      <c r="Z17" s="52" t="s">
        <v>22</v>
      </c>
      <c r="AA17" s="52" t="s">
        <v>25</v>
      </c>
      <c r="AB17" s="52" t="s">
        <v>26</v>
      </c>
      <c r="AC17" s="52" t="s">
        <v>3</v>
      </c>
      <c r="AD17" s="53" t="s">
        <v>6</v>
      </c>
      <c r="AE17" s="53" t="s">
        <v>7</v>
      </c>
      <c r="AF17" s="54" t="s">
        <v>22</v>
      </c>
    </row>
    <row r="18" spans="1:32" ht="20.100000000000001" customHeight="1" x14ac:dyDescent="0.15">
      <c r="A18" s="55">
        <v>1</v>
      </c>
      <c r="B18" s="56">
        <v>134</v>
      </c>
      <c r="C18" s="56">
        <v>140</v>
      </c>
      <c r="D18" s="57">
        <v>274</v>
      </c>
      <c r="E18" s="56">
        <v>215</v>
      </c>
      <c r="F18" s="56">
        <v>258</v>
      </c>
      <c r="G18" s="57">
        <v>473</v>
      </c>
      <c r="H18" s="57">
        <v>-199</v>
      </c>
      <c r="I18" s="56">
        <v>286</v>
      </c>
      <c r="J18" s="56">
        <v>98</v>
      </c>
      <c r="K18" s="56">
        <v>105</v>
      </c>
      <c r="L18" s="57">
        <v>203</v>
      </c>
      <c r="M18" s="56">
        <v>384</v>
      </c>
      <c r="N18" s="56">
        <v>357</v>
      </c>
      <c r="O18" s="56">
        <v>232</v>
      </c>
      <c r="P18" s="57">
        <v>589</v>
      </c>
      <c r="Q18" s="57">
        <v>792</v>
      </c>
      <c r="R18" s="56">
        <v>402</v>
      </c>
      <c r="S18" s="56">
        <v>134</v>
      </c>
      <c r="T18" s="56">
        <v>126</v>
      </c>
      <c r="U18" s="57">
        <v>260</v>
      </c>
      <c r="V18" s="56">
        <v>308</v>
      </c>
      <c r="W18" s="56">
        <v>342</v>
      </c>
      <c r="X18" s="56">
        <v>208</v>
      </c>
      <c r="Y18" s="57">
        <v>550</v>
      </c>
      <c r="Z18" s="57">
        <v>810</v>
      </c>
      <c r="AA18" s="57">
        <v>-18</v>
      </c>
      <c r="AB18" s="57">
        <v>-217</v>
      </c>
      <c r="AC18" s="58">
        <v>178510</v>
      </c>
      <c r="AD18" s="58">
        <v>203180</v>
      </c>
      <c r="AE18" s="58">
        <v>213837</v>
      </c>
      <c r="AF18" s="59">
        <v>417017</v>
      </c>
    </row>
    <row r="19" spans="1:32" ht="20.100000000000001" customHeight="1" x14ac:dyDescent="0.15">
      <c r="A19" s="60">
        <v>2</v>
      </c>
      <c r="B19" s="61">
        <v>113</v>
      </c>
      <c r="C19" s="61">
        <v>109</v>
      </c>
      <c r="D19" s="62">
        <v>222</v>
      </c>
      <c r="E19" s="61">
        <v>196</v>
      </c>
      <c r="F19" s="61">
        <v>201</v>
      </c>
      <c r="G19" s="62">
        <v>397</v>
      </c>
      <c r="H19" s="62">
        <v>-175</v>
      </c>
      <c r="I19" s="61">
        <v>311</v>
      </c>
      <c r="J19" s="61">
        <v>128</v>
      </c>
      <c r="K19" s="61">
        <v>112</v>
      </c>
      <c r="L19" s="62">
        <v>240</v>
      </c>
      <c r="M19" s="61">
        <v>356</v>
      </c>
      <c r="N19" s="61">
        <v>318</v>
      </c>
      <c r="O19" s="61">
        <v>223</v>
      </c>
      <c r="P19" s="62">
        <v>541</v>
      </c>
      <c r="Q19" s="62">
        <v>781</v>
      </c>
      <c r="R19" s="61">
        <v>361</v>
      </c>
      <c r="S19" s="61">
        <v>149</v>
      </c>
      <c r="T19" s="61">
        <v>126</v>
      </c>
      <c r="U19" s="62">
        <v>275</v>
      </c>
      <c r="V19" s="61">
        <v>394</v>
      </c>
      <c r="W19" s="61">
        <v>385</v>
      </c>
      <c r="X19" s="61">
        <v>266</v>
      </c>
      <c r="Y19" s="62">
        <v>651</v>
      </c>
      <c r="Z19" s="62">
        <v>926</v>
      </c>
      <c r="AA19" s="62">
        <v>-145</v>
      </c>
      <c r="AB19" s="62">
        <v>-320</v>
      </c>
      <c r="AC19" s="63">
        <v>178422</v>
      </c>
      <c r="AD19" s="63">
        <v>203009</v>
      </c>
      <c r="AE19" s="63">
        <v>213688</v>
      </c>
      <c r="AF19" s="64">
        <v>416697</v>
      </c>
    </row>
    <row r="20" spans="1:32" ht="20.100000000000001" customHeight="1" x14ac:dyDescent="0.15">
      <c r="A20" s="60">
        <v>3</v>
      </c>
      <c r="B20" s="61"/>
      <c r="C20" s="61"/>
      <c r="D20" s="62">
        <v>0</v>
      </c>
      <c r="E20" s="61"/>
      <c r="F20" s="61"/>
      <c r="G20" s="62">
        <v>0</v>
      </c>
      <c r="H20" s="62">
        <v>0</v>
      </c>
      <c r="I20" s="61"/>
      <c r="J20" s="61"/>
      <c r="K20" s="61"/>
      <c r="L20" s="62">
        <v>0</v>
      </c>
      <c r="M20" s="61"/>
      <c r="N20" s="61"/>
      <c r="O20" s="61"/>
      <c r="P20" s="62">
        <v>0</v>
      </c>
      <c r="Q20" s="62">
        <v>0</v>
      </c>
      <c r="R20" s="61"/>
      <c r="S20" s="61"/>
      <c r="T20" s="61"/>
      <c r="U20" s="62">
        <v>0</v>
      </c>
      <c r="V20" s="61"/>
      <c r="W20" s="61"/>
      <c r="X20" s="61"/>
      <c r="Y20" s="62">
        <v>0</v>
      </c>
      <c r="Z20" s="62">
        <v>0</v>
      </c>
      <c r="AA20" s="62">
        <v>0</v>
      </c>
      <c r="AB20" s="62">
        <v>0</v>
      </c>
      <c r="AC20" s="63" t="s">
        <v>27</v>
      </c>
      <c r="AD20" s="63" t="s">
        <v>27</v>
      </c>
      <c r="AE20" s="63" t="s">
        <v>27</v>
      </c>
      <c r="AF20" s="64">
        <v>0</v>
      </c>
    </row>
    <row r="21" spans="1:32" ht="20.100000000000001" customHeight="1" x14ac:dyDescent="0.15">
      <c r="A21" s="60">
        <v>4</v>
      </c>
      <c r="B21" s="61"/>
      <c r="C21" s="61"/>
      <c r="D21" s="62">
        <v>0</v>
      </c>
      <c r="E21" s="61"/>
      <c r="F21" s="61"/>
      <c r="G21" s="62">
        <v>0</v>
      </c>
      <c r="H21" s="62">
        <v>0</v>
      </c>
      <c r="I21" s="61"/>
      <c r="J21" s="61"/>
      <c r="K21" s="61"/>
      <c r="L21" s="62">
        <v>0</v>
      </c>
      <c r="M21" s="61"/>
      <c r="N21" s="61"/>
      <c r="O21" s="61"/>
      <c r="P21" s="62">
        <v>0</v>
      </c>
      <c r="Q21" s="62">
        <v>0</v>
      </c>
      <c r="R21" s="61"/>
      <c r="S21" s="61"/>
      <c r="T21" s="61"/>
      <c r="U21" s="62">
        <v>0</v>
      </c>
      <c r="V21" s="61"/>
      <c r="W21" s="61"/>
      <c r="X21" s="61"/>
      <c r="Y21" s="62">
        <v>0</v>
      </c>
      <c r="Z21" s="62">
        <v>0</v>
      </c>
      <c r="AA21" s="62">
        <v>0</v>
      </c>
      <c r="AB21" s="62">
        <v>0</v>
      </c>
      <c r="AC21" s="63" t="s">
        <v>27</v>
      </c>
      <c r="AD21" s="63" t="s">
        <v>27</v>
      </c>
      <c r="AE21" s="63" t="s">
        <v>27</v>
      </c>
      <c r="AF21" s="64">
        <v>0</v>
      </c>
    </row>
    <row r="22" spans="1:32" ht="20.100000000000001" customHeight="1" x14ac:dyDescent="0.15">
      <c r="A22" s="60">
        <v>5</v>
      </c>
      <c r="B22" s="61"/>
      <c r="C22" s="61"/>
      <c r="D22" s="62">
        <v>0</v>
      </c>
      <c r="E22" s="61"/>
      <c r="F22" s="61"/>
      <c r="G22" s="62">
        <v>0</v>
      </c>
      <c r="H22" s="62">
        <v>0</v>
      </c>
      <c r="I22" s="61"/>
      <c r="J22" s="61"/>
      <c r="K22" s="61"/>
      <c r="L22" s="62">
        <v>0</v>
      </c>
      <c r="M22" s="61"/>
      <c r="N22" s="61"/>
      <c r="O22" s="61"/>
      <c r="P22" s="62">
        <v>0</v>
      </c>
      <c r="Q22" s="62">
        <v>0</v>
      </c>
      <c r="R22" s="61"/>
      <c r="S22" s="61"/>
      <c r="T22" s="61"/>
      <c r="U22" s="62">
        <v>0</v>
      </c>
      <c r="V22" s="61"/>
      <c r="W22" s="61"/>
      <c r="X22" s="61"/>
      <c r="Y22" s="62">
        <v>0</v>
      </c>
      <c r="Z22" s="62">
        <v>0</v>
      </c>
      <c r="AA22" s="62">
        <v>0</v>
      </c>
      <c r="AB22" s="62">
        <v>0</v>
      </c>
      <c r="AC22" s="63" t="s">
        <v>27</v>
      </c>
      <c r="AD22" s="63" t="s">
        <v>27</v>
      </c>
      <c r="AE22" s="63" t="s">
        <v>27</v>
      </c>
      <c r="AF22" s="64">
        <v>0</v>
      </c>
    </row>
    <row r="23" spans="1:32" s="1" customFormat="1" ht="20.100000000000001" customHeight="1" x14ac:dyDescent="0.15">
      <c r="A23" s="2">
        <v>6</v>
      </c>
      <c r="B23" s="3"/>
      <c r="C23" s="3"/>
      <c r="D23" s="4">
        <v>0</v>
      </c>
      <c r="E23" s="3"/>
      <c r="F23" s="3"/>
      <c r="G23" s="4">
        <v>0</v>
      </c>
      <c r="H23" s="4">
        <v>0</v>
      </c>
      <c r="I23" s="3"/>
      <c r="J23" s="3"/>
      <c r="K23" s="3"/>
      <c r="L23" s="4">
        <v>0</v>
      </c>
      <c r="M23" s="3"/>
      <c r="N23" s="3"/>
      <c r="O23" s="3"/>
      <c r="P23" s="4">
        <v>0</v>
      </c>
      <c r="Q23" s="4">
        <v>0</v>
      </c>
      <c r="R23" s="3"/>
      <c r="S23" s="3"/>
      <c r="T23" s="3"/>
      <c r="U23" s="4">
        <v>0</v>
      </c>
      <c r="V23" s="3"/>
      <c r="W23" s="3"/>
      <c r="X23" s="3"/>
      <c r="Y23" s="4">
        <v>0</v>
      </c>
      <c r="Z23" s="4">
        <v>0</v>
      </c>
      <c r="AA23" s="4">
        <v>0</v>
      </c>
      <c r="AB23" s="4">
        <v>0</v>
      </c>
      <c r="AC23" s="5" t="s">
        <v>27</v>
      </c>
      <c r="AD23" s="5" t="s">
        <v>27</v>
      </c>
      <c r="AE23" s="5" t="s">
        <v>27</v>
      </c>
      <c r="AF23" s="6">
        <v>0</v>
      </c>
    </row>
    <row r="24" spans="1:32" ht="20.100000000000001" customHeight="1" x14ac:dyDescent="0.15">
      <c r="A24" s="60">
        <v>7</v>
      </c>
      <c r="B24" s="61"/>
      <c r="C24" s="61"/>
      <c r="D24" s="62">
        <v>0</v>
      </c>
      <c r="E24" s="61"/>
      <c r="F24" s="61"/>
      <c r="G24" s="62">
        <v>0</v>
      </c>
      <c r="H24" s="62">
        <v>0</v>
      </c>
      <c r="I24" s="61"/>
      <c r="J24" s="61"/>
      <c r="K24" s="61"/>
      <c r="L24" s="62">
        <v>0</v>
      </c>
      <c r="M24" s="61"/>
      <c r="N24" s="61"/>
      <c r="O24" s="61"/>
      <c r="P24" s="62">
        <v>0</v>
      </c>
      <c r="Q24" s="62">
        <v>0</v>
      </c>
      <c r="R24" s="61"/>
      <c r="S24" s="61"/>
      <c r="T24" s="61"/>
      <c r="U24" s="62">
        <v>0</v>
      </c>
      <c r="V24" s="61"/>
      <c r="W24" s="61"/>
      <c r="X24" s="61"/>
      <c r="Y24" s="62">
        <v>0</v>
      </c>
      <c r="Z24" s="62">
        <v>0</v>
      </c>
      <c r="AA24" s="62">
        <v>0</v>
      </c>
      <c r="AB24" s="62">
        <v>0</v>
      </c>
      <c r="AC24" s="63" t="s">
        <v>27</v>
      </c>
      <c r="AD24" s="63" t="s">
        <v>27</v>
      </c>
      <c r="AE24" s="63" t="s">
        <v>27</v>
      </c>
      <c r="AF24" s="64">
        <v>0</v>
      </c>
    </row>
    <row r="25" spans="1:32" ht="20.100000000000001" customHeight="1" x14ac:dyDescent="0.15">
      <c r="A25" s="60">
        <v>8</v>
      </c>
      <c r="B25" s="61"/>
      <c r="C25" s="61"/>
      <c r="D25" s="62">
        <v>0</v>
      </c>
      <c r="E25" s="61"/>
      <c r="F25" s="61"/>
      <c r="G25" s="62">
        <v>0</v>
      </c>
      <c r="H25" s="62">
        <v>0</v>
      </c>
      <c r="I25" s="61"/>
      <c r="J25" s="61"/>
      <c r="K25" s="61"/>
      <c r="L25" s="62">
        <v>0</v>
      </c>
      <c r="M25" s="61"/>
      <c r="N25" s="61"/>
      <c r="O25" s="61"/>
      <c r="P25" s="62">
        <v>0</v>
      </c>
      <c r="Q25" s="62">
        <v>0</v>
      </c>
      <c r="R25" s="61"/>
      <c r="S25" s="61"/>
      <c r="T25" s="61"/>
      <c r="U25" s="62">
        <v>0</v>
      </c>
      <c r="V25" s="61"/>
      <c r="W25" s="61"/>
      <c r="X25" s="61"/>
      <c r="Y25" s="62">
        <v>0</v>
      </c>
      <c r="Z25" s="62">
        <v>0</v>
      </c>
      <c r="AA25" s="62">
        <v>0</v>
      </c>
      <c r="AB25" s="62">
        <v>0</v>
      </c>
      <c r="AC25" s="63" t="s">
        <v>27</v>
      </c>
      <c r="AD25" s="63" t="s">
        <v>27</v>
      </c>
      <c r="AE25" s="63" t="s">
        <v>27</v>
      </c>
      <c r="AF25" s="64">
        <v>0</v>
      </c>
    </row>
    <row r="26" spans="1:32" ht="20.100000000000001" customHeight="1" x14ac:dyDescent="0.15">
      <c r="A26" s="60">
        <v>9</v>
      </c>
      <c r="B26" s="61"/>
      <c r="C26" s="61"/>
      <c r="D26" s="62">
        <v>0</v>
      </c>
      <c r="E26" s="61"/>
      <c r="F26" s="61"/>
      <c r="G26" s="62">
        <v>0</v>
      </c>
      <c r="H26" s="62">
        <v>0</v>
      </c>
      <c r="I26" s="61"/>
      <c r="J26" s="61"/>
      <c r="K26" s="61"/>
      <c r="L26" s="62">
        <v>0</v>
      </c>
      <c r="M26" s="61"/>
      <c r="N26" s="61"/>
      <c r="O26" s="61"/>
      <c r="P26" s="62">
        <v>0</v>
      </c>
      <c r="Q26" s="62">
        <v>0</v>
      </c>
      <c r="R26" s="61"/>
      <c r="S26" s="61"/>
      <c r="T26" s="61"/>
      <c r="U26" s="62">
        <v>0</v>
      </c>
      <c r="V26" s="61"/>
      <c r="W26" s="61"/>
      <c r="X26" s="61"/>
      <c r="Y26" s="62">
        <v>0</v>
      </c>
      <c r="Z26" s="62">
        <v>0</v>
      </c>
      <c r="AA26" s="62">
        <v>0</v>
      </c>
      <c r="AB26" s="62">
        <v>0</v>
      </c>
      <c r="AC26" s="63" t="s">
        <v>27</v>
      </c>
      <c r="AD26" s="63" t="s">
        <v>27</v>
      </c>
      <c r="AE26" s="63" t="s">
        <v>27</v>
      </c>
      <c r="AF26" s="64">
        <v>0</v>
      </c>
    </row>
    <row r="27" spans="1:32" ht="20.100000000000001" customHeight="1" x14ac:dyDescent="0.15">
      <c r="A27" s="60">
        <v>10</v>
      </c>
      <c r="B27" s="61"/>
      <c r="C27" s="61"/>
      <c r="D27" s="62">
        <v>0</v>
      </c>
      <c r="E27" s="61"/>
      <c r="F27" s="61"/>
      <c r="G27" s="62">
        <v>0</v>
      </c>
      <c r="H27" s="62">
        <v>0</v>
      </c>
      <c r="I27" s="61"/>
      <c r="J27" s="61"/>
      <c r="K27" s="61"/>
      <c r="L27" s="62">
        <v>0</v>
      </c>
      <c r="M27" s="61"/>
      <c r="N27" s="61"/>
      <c r="O27" s="61"/>
      <c r="P27" s="62">
        <v>0</v>
      </c>
      <c r="Q27" s="62">
        <v>0</v>
      </c>
      <c r="R27" s="61"/>
      <c r="S27" s="61"/>
      <c r="T27" s="61"/>
      <c r="U27" s="62">
        <v>0</v>
      </c>
      <c r="V27" s="61"/>
      <c r="W27" s="61"/>
      <c r="X27" s="61"/>
      <c r="Y27" s="62">
        <v>0</v>
      </c>
      <c r="Z27" s="62">
        <v>0</v>
      </c>
      <c r="AA27" s="62">
        <v>0</v>
      </c>
      <c r="AB27" s="62">
        <v>0</v>
      </c>
      <c r="AC27" s="63" t="s">
        <v>27</v>
      </c>
      <c r="AD27" s="63" t="s">
        <v>27</v>
      </c>
      <c r="AE27" s="63" t="s">
        <v>27</v>
      </c>
      <c r="AF27" s="64">
        <v>0</v>
      </c>
    </row>
    <row r="28" spans="1:32" ht="20.100000000000001" customHeight="1" x14ac:dyDescent="0.15">
      <c r="A28" s="60">
        <v>11</v>
      </c>
      <c r="B28" s="61"/>
      <c r="C28" s="61"/>
      <c r="D28" s="62">
        <v>0</v>
      </c>
      <c r="E28" s="61"/>
      <c r="F28" s="61"/>
      <c r="G28" s="62">
        <v>0</v>
      </c>
      <c r="H28" s="62">
        <v>0</v>
      </c>
      <c r="I28" s="61"/>
      <c r="J28" s="61"/>
      <c r="K28" s="61"/>
      <c r="L28" s="62">
        <v>0</v>
      </c>
      <c r="M28" s="61"/>
      <c r="N28" s="61"/>
      <c r="O28" s="61"/>
      <c r="P28" s="62">
        <v>0</v>
      </c>
      <c r="Q28" s="62">
        <v>0</v>
      </c>
      <c r="R28" s="61"/>
      <c r="S28" s="61"/>
      <c r="T28" s="61"/>
      <c r="U28" s="62">
        <v>0</v>
      </c>
      <c r="V28" s="61"/>
      <c r="W28" s="61"/>
      <c r="X28" s="61"/>
      <c r="Y28" s="62">
        <v>0</v>
      </c>
      <c r="Z28" s="62">
        <v>0</v>
      </c>
      <c r="AA28" s="62">
        <v>0</v>
      </c>
      <c r="AB28" s="62">
        <v>0</v>
      </c>
      <c r="AC28" s="63" t="s">
        <v>27</v>
      </c>
      <c r="AD28" s="63" t="s">
        <v>27</v>
      </c>
      <c r="AE28" s="63" t="s">
        <v>27</v>
      </c>
      <c r="AF28" s="64">
        <v>0</v>
      </c>
    </row>
    <row r="29" spans="1:32" ht="20.100000000000001" customHeight="1" x14ac:dyDescent="0.15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7</v>
      </c>
      <c r="AD29" s="68" t="s">
        <v>27</v>
      </c>
      <c r="AE29" s="68" t="s">
        <v>27</v>
      </c>
      <c r="AF29" s="69">
        <v>0</v>
      </c>
    </row>
    <row r="30" spans="1:32" ht="20.100000000000001" customHeight="1" x14ac:dyDescent="0.15">
      <c r="A30" s="51" t="s">
        <v>22</v>
      </c>
      <c r="B30" s="70">
        <v>247</v>
      </c>
      <c r="C30" s="70">
        <v>249</v>
      </c>
      <c r="D30" s="70">
        <v>496</v>
      </c>
      <c r="E30" s="70">
        <v>411</v>
      </c>
      <c r="F30" s="70">
        <v>459</v>
      </c>
      <c r="G30" s="70">
        <v>870</v>
      </c>
      <c r="H30" s="70">
        <v>-374</v>
      </c>
      <c r="I30" s="70">
        <v>597</v>
      </c>
      <c r="J30" s="70">
        <v>226</v>
      </c>
      <c r="K30" s="70">
        <v>217</v>
      </c>
      <c r="L30" s="70">
        <v>443</v>
      </c>
      <c r="M30" s="70">
        <v>740</v>
      </c>
      <c r="N30" s="70">
        <v>675</v>
      </c>
      <c r="O30" s="70">
        <v>455</v>
      </c>
      <c r="P30" s="70">
        <v>1130</v>
      </c>
      <c r="Q30" s="70">
        <v>1573</v>
      </c>
      <c r="R30" s="70">
        <v>763</v>
      </c>
      <c r="S30" s="70">
        <v>283</v>
      </c>
      <c r="T30" s="70">
        <v>252</v>
      </c>
      <c r="U30" s="70">
        <v>535</v>
      </c>
      <c r="V30" s="70">
        <v>702</v>
      </c>
      <c r="W30" s="70">
        <v>727</v>
      </c>
      <c r="X30" s="70">
        <v>474</v>
      </c>
      <c r="Y30" s="70">
        <v>1201</v>
      </c>
      <c r="Z30" s="70">
        <v>1736</v>
      </c>
      <c r="AA30" s="70">
        <v>-163</v>
      </c>
      <c r="AB30" s="70">
        <v>-537</v>
      </c>
      <c r="AC30" s="71"/>
      <c r="AD30" s="71"/>
      <c r="AE30" s="71"/>
      <c r="AF30" s="72"/>
    </row>
    <row r="31" spans="1:32" x14ac:dyDescent="0.15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15">
      <c r="B32" s="74" t="s">
        <v>28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5"/>
      <c r="AC32" s="75"/>
      <c r="AD32" s="75"/>
      <c r="AE32" s="75"/>
      <c r="AF32" s="75"/>
    </row>
    <row r="33" spans="2:2" x14ac:dyDescent="0.15">
      <c r="B33" s="74" t="s">
        <v>29</v>
      </c>
    </row>
  </sheetData>
  <mergeCells count="27">
    <mergeCell ref="M6:O6"/>
    <mergeCell ref="R6:T6"/>
    <mergeCell ref="M1:W1"/>
    <mergeCell ref="K3:O3"/>
    <mergeCell ref="P3:T3"/>
    <mergeCell ref="M5:O5"/>
    <mergeCell ref="R5:T5"/>
    <mergeCell ref="A14:A16"/>
    <mergeCell ref="B14:H14"/>
    <mergeCell ref="I14:AA14"/>
    <mergeCell ref="B15:D16"/>
    <mergeCell ref="E15:G16"/>
    <mergeCell ref="R7:T7"/>
    <mergeCell ref="R8:T8"/>
    <mergeCell ref="M10:O10"/>
    <mergeCell ref="R10:T10"/>
    <mergeCell ref="K12:X12"/>
    <mergeCell ref="AC15:AF16"/>
    <mergeCell ref="I16:L16"/>
    <mergeCell ref="M16:P16"/>
    <mergeCell ref="R16:U16"/>
    <mergeCell ref="V16:Y16"/>
    <mergeCell ref="H15:H16"/>
    <mergeCell ref="I15:Q15"/>
    <mergeCell ref="R15:Z15"/>
    <mergeCell ref="AA15:AA16"/>
    <mergeCell ref="AB15:AB16"/>
  </mergeCells>
  <phoneticPr fontId="3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9-02-04T01:44:42Z</dcterms:created>
  <dcterms:modified xsi:type="dcterms:W3CDTF">2019-03-01T08:46:07Z</dcterms:modified>
</cp:coreProperties>
</file>